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41681\Documents\"/>
    </mc:Choice>
  </mc:AlternateContent>
  <bookViews>
    <workbookView xWindow="0" yWindow="0" windowWidth="19368" windowHeight="9204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6" uniqueCount="101">
  <si>
    <t>Stream</t>
  </si>
  <si>
    <t>BOG</t>
  </si>
  <si>
    <t>CO2CAP</t>
  </si>
  <si>
    <t>Vapor fraction</t>
  </si>
  <si>
    <t>Temperature (°C)</t>
  </si>
  <si>
    <t>Pressure (bar)</t>
  </si>
  <si>
    <t>Mass flow (kg/s)</t>
  </si>
  <si>
    <t>Stream table for liquefaction cycle</t>
  </si>
  <si>
    <t>GASIN</t>
  </si>
  <si>
    <t>LEANIN</t>
  </si>
  <si>
    <t>H2O</t>
  </si>
  <si>
    <t>VENTGAS</t>
  </si>
  <si>
    <t>VENTGAS2</t>
  </si>
  <si>
    <t>PRODUCTS</t>
  </si>
  <si>
    <t>SOLIDS</t>
  </si>
  <si>
    <t>LIQGAS</t>
  </si>
  <si>
    <t>H2O2</t>
  </si>
  <si>
    <t>S5</t>
  </si>
  <si>
    <r>
      <t>NH</t>
    </r>
    <r>
      <rPr>
        <vertAlign val="subscript"/>
        <sz val="8"/>
        <color theme="1"/>
        <rFont val="Calibri"/>
        <family val="2"/>
      </rPr>
      <t>3</t>
    </r>
    <r>
      <rPr>
        <sz val="8"/>
        <color theme="1"/>
        <rFont val="Times New Roman"/>
        <family val="1"/>
      </rPr>
      <t xml:space="preserve"> emissions (ppm)</t>
    </r>
  </si>
  <si>
    <t>-</t>
  </si>
  <si>
    <t>&lt;0.001</t>
  </si>
  <si>
    <t>Stream tables for the modified capture plant process</t>
  </si>
  <si>
    <t>Parameter</t>
  </si>
  <si>
    <t>Value</t>
  </si>
  <si>
    <t>Composition</t>
  </si>
  <si>
    <r>
      <t>100% CO</t>
    </r>
    <r>
      <rPr>
        <vertAlign val="subscript"/>
        <sz val="8"/>
        <color theme="1"/>
        <rFont val="Times New Roman"/>
        <family val="1"/>
      </rPr>
      <t>2</t>
    </r>
  </si>
  <si>
    <t>BOG flow (kg/s)</t>
  </si>
  <si>
    <r>
      <t>Volume of 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tank (m</t>
    </r>
    <r>
      <rPr>
        <vertAlign val="superscript"/>
        <sz val="8"/>
        <color theme="1"/>
        <rFont val="Times New Roman"/>
        <family val="1"/>
      </rPr>
      <t>3</t>
    </r>
    <r>
      <rPr>
        <sz val="8"/>
        <color theme="1"/>
        <rFont val="Times New Roman"/>
        <family val="1"/>
      </rPr>
      <t>)</t>
    </r>
  </si>
  <si>
    <r>
      <t>Captured 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flowrate (kg/s)</t>
    </r>
  </si>
  <si>
    <t>BOG rate (%/day)</t>
  </si>
  <si>
    <r>
      <t>L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tank temperature (°C)</t>
    </r>
  </si>
  <si>
    <t>BOG temperature (°C)</t>
  </si>
  <si>
    <r>
      <t>L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tank pressure (bar)</t>
    </r>
  </si>
  <si>
    <r>
      <t>Latent heat of vaporisation of 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at -50°C (kJ/kg)</t>
    </r>
  </si>
  <si>
    <t>Sea water temp (°C)</t>
  </si>
  <si>
    <r>
      <t>Density of 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at -50°C (kg/m</t>
    </r>
    <r>
      <rPr>
        <vertAlign val="superscript"/>
        <sz val="8"/>
        <color theme="1"/>
        <rFont val="Times New Roman"/>
        <family val="1"/>
      </rPr>
      <t>3</t>
    </r>
    <r>
      <rPr>
        <sz val="8"/>
        <color theme="1"/>
        <rFont val="Times New Roman"/>
        <family val="1"/>
      </rPr>
      <t>)</t>
    </r>
  </si>
  <si>
    <t>Re-liquefaction cycle specification</t>
  </si>
  <si>
    <t>Description</t>
  </si>
  <si>
    <r>
      <t>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capture rate (%)</t>
    </r>
  </si>
  <si>
    <t>Reactor type</t>
  </si>
  <si>
    <t>RSTOIC</t>
  </si>
  <si>
    <r>
      <t>S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capture level (%)</t>
    </r>
  </si>
  <si>
    <t>Reactor diameter (m)</t>
  </si>
  <si>
    <t>Absorber diameter (m)</t>
  </si>
  <si>
    <t>Reactor height (m)</t>
  </si>
  <si>
    <t>Absorber packing height (m)</t>
  </si>
  <si>
    <t>Absorber pressure (bar)</t>
  </si>
  <si>
    <t>Absorber packing type</t>
  </si>
  <si>
    <t>Pall ring (25mm)</t>
  </si>
  <si>
    <t>Pre-treatment column pressure (bar)</t>
  </si>
  <si>
    <t>Pre-treatment column diameter (m)</t>
  </si>
  <si>
    <t>Stripper pressure (bar)</t>
  </si>
  <si>
    <t>Pre-treatment column packing height (m)</t>
  </si>
  <si>
    <t>Wash column pressure (bar)</t>
  </si>
  <si>
    <t>Pre-treatment column packing type</t>
  </si>
  <si>
    <t>Condenser temperature (°C)</t>
  </si>
  <si>
    <t>Stripper diameter (m)</t>
  </si>
  <si>
    <t>Reboiler temperature (°C)</t>
  </si>
  <si>
    <t>Stripper packing height (m)</t>
  </si>
  <si>
    <r>
      <t>Specific reboiler duty (MJ</t>
    </r>
    <r>
      <rPr>
        <vertAlign val="subscript"/>
        <sz val="8"/>
        <color theme="1"/>
        <rFont val="Times New Roman"/>
        <family val="1"/>
      </rPr>
      <t>th</t>
    </r>
    <r>
      <rPr>
        <sz val="8"/>
        <color theme="1"/>
        <rFont val="Times New Roman"/>
        <family val="1"/>
      </rPr>
      <t>/kg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>)</t>
    </r>
  </si>
  <si>
    <t>Stripper packing type</t>
  </si>
  <si>
    <r>
      <t>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purity (%)</t>
    </r>
  </si>
  <si>
    <t>Number of wash columns</t>
  </si>
  <si>
    <t>Lean solvent (wt %)</t>
  </si>
  <si>
    <t>Wash column packing type</t>
  </si>
  <si>
    <t>Pall ring (16mm)</t>
  </si>
  <si>
    <t>Lean solvent temperature (°C)</t>
  </si>
  <si>
    <t>Wash column diameter (m)</t>
  </si>
  <si>
    <t>Wash column packing height (m)</t>
  </si>
  <si>
    <t>Capture process specification</t>
  </si>
  <si>
    <t>Flue gas mass flow rate      (kg/s)</t>
  </si>
  <si>
    <r>
      <t>Flue gas 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composition (%wt.)</t>
    </r>
  </si>
  <si>
    <r>
      <t>Flue gas SO</t>
    </r>
    <r>
      <rPr>
        <vertAlign val="subscript"/>
        <sz val="8"/>
        <color theme="1"/>
        <rFont val="Times New Roman"/>
        <family val="1"/>
      </rPr>
      <t xml:space="preserve">2 </t>
    </r>
    <r>
      <rPr>
        <sz val="8"/>
        <color theme="1"/>
        <rFont val="Times New Roman"/>
        <family val="1"/>
      </rPr>
      <t>composition  (%wt.)</t>
    </r>
  </si>
  <si>
    <r>
      <t>Flue gas H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>O composition (%wt.)</t>
    </r>
  </si>
  <si>
    <r>
      <t>Flue gas N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composition    (%wt.)</t>
    </r>
  </si>
  <si>
    <r>
      <t>Flue gas 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composition    (%wt.)</t>
    </r>
  </si>
  <si>
    <r>
      <t>Captured CO</t>
    </r>
    <r>
      <rPr>
        <vertAlign val="subscript"/>
        <sz val="8"/>
        <color theme="1"/>
        <rFont val="Times New Roman"/>
        <family val="1"/>
      </rPr>
      <t>2</t>
    </r>
    <r>
      <rPr>
        <sz val="8"/>
        <color theme="1"/>
        <rFont val="Times New Roman"/>
        <family val="1"/>
      </rPr>
      <t xml:space="preserve"> flowrate       (kg/s)</t>
    </r>
  </si>
  <si>
    <r>
      <t>Lean solvent mass fraction, NH</t>
    </r>
    <r>
      <rPr>
        <vertAlign val="subscript"/>
        <sz val="8"/>
        <color theme="1"/>
        <rFont val="Times New Roman"/>
        <family val="1"/>
      </rPr>
      <t>3</t>
    </r>
    <r>
      <rPr>
        <sz val="8"/>
        <color theme="1"/>
        <rFont val="Times New Roman"/>
        <family val="1"/>
      </rPr>
      <t xml:space="preserve"> (%wt.)</t>
    </r>
  </si>
  <si>
    <t>Estimated lean solvent circulation rate (kg/s)</t>
  </si>
  <si>
    <t>Calculation of the required lean solvent flow</t>
  </si>
  <si>
    <t>Load (%)</t>
  </si>
  <si>
    <t>Fuel flowrate (kg/s)</t>
  </si>
  <si>
    <t xml:space="preserve">Air </t>
  </si>
  <si>
    <t>flowrate (kg/s)</t>
  </si>
  <si>
    <t>Engine output (kW)</t>
  </si>
  <si>
    <t xml:space="preserve">Flue gas flowrate </t>
  </si>
  <si>
    <t>(kg/s)</t>
  </si>
  <si>
    <t xml:space="preserve"> Diesel engine model data specifications without the capture</t>
  </si>
  <si>
    <t>DIESELIN</t>
  </si>
  <si>
    <t>AIRIN</t>
  </si>
  <si>
    <t>DIESELIN2</t>
  </si>
  <si>
    <t>DAIR1</t>
  </si>
  <si>
    <t>DAIR2</t>
  </si>
  <si>
    <t>DHOTGAS1</t>
  </si>
  <si>
    <t>DHOTGAS2</t>
  </si>
  <si>
    <t>DHOTGAS3</t>
  </si>
  <si>
    <t>DHOTGAS4</t>
  </si>
  <si>
    <t>DHOTGAS5</t>
  </si>
  <si>
    <t>DHOTGAS6</t>
  </si>
  <si>
    <t>HOTGAS7</t>
  </si>
  <si>
    <t>Stream table for engine cycle at 85% load; the air and diesel flowrate can be varied for different loa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Arial"/>
      <family val="2"/>
    </font>
    <font>
      <sz val="8"/>
      <color theme="1"/>
      <name val="Times New Roman"/>
      <family val="1"/>
    </font>
    <font>
      <b/>
      <sz val="8"/>
      <color theme="1"/>
      <name val="Times New Roman"/>
      <family val="1"/>
    </font>
    <font>
      <b/>
      <sz val="8"/>
      <color theme="1"/>
      <name val="Calibri"/>
      <family val="2"/>
    </font>
    <font>
      <sz val="8"/>
      <color theme="1"/>
      <name val="Calibri"/>
      <family val="2"/>
    </font>
    <font>
      <b/>
      <sz val="7"/>
      <color theme="1"/>
      <name val="Calibri"/>
      <family val="2"/>
    </font>
    <font>
      <vertAlign val="subscript"/>
      <sz val="8"/>
      <color theme="1"/>
      <name val="Times New Roman"/>
      <family val="1"/>
    </font>
    <font>
      <vertAlign val="subscript"/>
      <sz val="8"/>
      <color theme="1"/>
      <name val="Calibri"/>
      <family val="2"/>
    </font>
    <font>
      <b/>
      <sz val="10"/>
      <color rgb="FFFF0000"/>
      <name val="Calibri"/>
      <family val="2"/>
    </font>
    <font>
      <vertAlign val="superscript"/>
      <sz val="8"/>
      <color theme="1"/>
      <name val="Times New Roman"/>
      <family val="1"/>
    </font>
    <font>
      <b/>
      <sz val="9"/>
      <color rgb="FFFF0000"/>
      <name val="Times New Roman"/>
      <family val="1"/>
    </font>
    <font>
      <b/>
      <sz val="9"/>
      <color rgb="FFFF0000"/>
      <name val="Arial"/>
      <family val="2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3" fillId="0" borderId="1" xfId="0" applyFont="1" applyBorder="1" applyAlignment="1">
      <alignment vertical="center" wrapText="1"/>
    </xf>
    <xf numFmtId="0" fontId="4" fillId="0" borderId="0" xfId="0" applyFont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5" fillId="0" borderId="1" xfId="0" applyFont="1" applyBorder="1" applyAlignment="1">
      <alignment vertical="center" wrapText="1"/>
    </xf>
    <xf numFmtId="0" fontId="5" fillId="0" borderId="1" xfId="0" applyFont="1" applyBorder="1" applyAlignment="1">
      <alignment horizontal="center" vertical="center" wrapText="1"/>
    </xf>
    <xf numFmtId="0" fontId="1" fillId="0" borderId="0" xfId="0" applyFont="1" applyAlignment="1">
      <alignment vertical="center" wrapText="1"/>
    </xf>
    <xf numFmtId="0" fontId="1" fillId="0" borderId="2" xfId="0" applyFont="1" applyBorder="1" applyAlignment="1">
      <alignment vertical="center" wrapText="1"/>
    </xf>
    <xf numFmtId="0" fontId="2" fillId="0" borderId="1" xfId="0" applyFont="1" applyBorder="1" applyAlignment="1">
      <alignment vertical="center" wrapText="1"/>
    </xf>
    <xf numFmtId="0" fontId="1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2" fillId="0" borderId="2" xfId="0" applyFont="1" applyBorder="1" applyAlignment="1">
      <alignment vertical="center" wrapText="1"/>
    </xf>
    <xf numFmtId="0" fontId="8" fillId="0" borderId="0" xfId="0" applyFont="1" applyFill="1" applyBorder="1" applyAlignment="1">
      <alignment vertical="center"/>
    </xf>
    <xf numFmtId="0" fontId="2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justify" vertical="center" wrapText="1"/>
    </xf>
    <xf numFmtId="0" fontId="1" fillId="0" borderId="0" xfId="0" applyFont="1" applyAlignment="1">
      <alignment horizontal="justify" vertical="center" wrapText="1"/>
    </xf>
    <xf numFmtId="0" fontId="1" fillId="0" borderId="2" xfId="0" applyFont="1" applyBorder="1" applyAlignment="1">
      <alignment horizontal="justify" vertical="center" wrapText="1"/>
    </xf>
    <xf numFmtId="0" fontId="10" fillId="0" borderId="0" xfId="0" applyFont="1" applyAlignment="1">
      <alignment vertical="center"/>
    </xf>
    <xf numFmtId="0" fontId="11" fillId="0" borderId="0" xfId="0" applyFont="1"/>
    <xf numFmtId="0" fontId="5" fillId="0" borderId="4" xfId="0" applyFont="1" applyBorder="1" applyAlignment="1">
      <alignment horizontal="center" vertical="center" wrapText="1"/>
    </xf>
    <xf numFmtId="0" fontId="5" fillId="0" borderId="4" xfId="0" applyFont="1" applyFill="1" applyBorder="1" applyAlignment="1">
      <alignment horizontal="center" vertical="center" wrapText="1"/>
    </xf>
    <xf numFmtId="0" fontId="5" fillId="0" borderId="4" xfId="0" applyFont="1" applyBorder="1" applyAlignment="1">
      <alignment vertical="center" wrapText="1"/>
    </xf>
    <xf numFmtId="0" fontId="8" fillId="0" borderId="2" xfId="0" applyFont="1" applyFill="1" applyBorder="1" applyAlignment="1">
      <alignment horizontal="center" vertical="center" wrapText="1"/>
    </xf>
    <xf numFmtId="0" fontId="2" fillId="0" borderId="3" xfId="0" applyFont="1" applyBorder="1" applyAlignment="1">
      <alignment horizontal="justify" vertical="center" wrapText="1"/>
    </xf>
    <xf numFmtId="0" fontId="2" fillId="0" borderId="0" xfId="0" applyFont="1" applyBorder="1" applyAlignment="1">
      <alignment horizontal="justify" vertical="center" wrapText="1"/>
    </xf>
    <xf numFmtId="0" fontId="2" fillId="0" borderId="2" xfId="0" applyFont="1" applyBorder="1" applyAlignment="1">
      <alignment horizontal="justify" vertical="center" wrapText="1"/>
    </xf>
    <xf numFmtId="0" fontId="1" fillId="0" borderId="3" xfId="0" applyFont="1" applyBorder="1" applyAlignment="1">
      <alignment horizontal="justify" vertical="center" wrapText="1"/>
    </xf>
    <xf numFmtId="0" fontId="1" fillId="0" borderId="0" xfId="0" applyFont="1" applyAlignment="1">
      <alignment horizontal="justify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/>
    </xf>
    <xf numFmtId="0" fontId="1" fillId="0" borderId="2" xfId="0" applyFont="1" applyBorder="1" applyAlignment="1">
      <alignment horizontal="justify" vertical="center" wrapText="1"/>
    </xf>
    <xf numFmtId="0" fontId="8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0" fillId="0" borderId="2" xfId="0" applyBorder="1" applyAlignment="1">
      <alignment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31"/>
  <sheetViews>
    <sheetView tabSelected="1" topLeftCell="A9" zoomScale="88" zoomScaleNormal="88" workbookViewId="0">
      <selection activeCell="J28" sqref="J28"/>
    </sheetView>
  </sheetViews>
  <sheetFormatPr defaultRowHeight="13.8" x14ac:dyDescent="0.25"/>
  <cols>
    <col min="1" max="1" width="11.59765625" customWidth="1"/>
    <col min="13" max="13" width="10.09765625" customWidth="1"/>
    <col min="14" max="14" width="7.59765625" customWidth="1"/>
    <col min="15" max="15" width="11.296875" customWidth="1"/>
    <col min="16" max="16" width="7.296875" customWidth="1"/>
    <col min="18" max="18" width="9.69921875" customWidth="1"/>
    <col min="20" max="20" width="8.8984375" customWidth="1"/>
    <col min="23" max="23" width="15.09765625" customWidth="1"/>
    <col min="24" max="24" width="13.09765625" customWidth="1"/>
  </cols>
  <sheetData>
    <row r="1" spans="1:25" ht="55.8" customHeight="1" thickBot="1" x14ac:dyDescent="0.3">
      <c r="A1" s="23" t="s">
        <v>7</v>
      </c>
      <c r="B1" s="23"/>
      <c r="C1" s="23"/>
      <c r="D1" s="23"/>
      <c r="M1" s="23" t="s">
        <v>36</v>
      </c>
      <c r="N1" s="23"/>
      <c r="O1" s="23"/>
      <c r="P1" s="23"/>
      <c r="R1" s="23" t="s">
        <v>69</v>
      </c>
      <c r="S1" s="23"/>
      <c r="T1" s="23"/>
      <c r="U1" s="23"/>
      <c r="W1" s="23" t="s">
        <v>79</v>
      </c>
      <c r="X1" s="23"/>
      <c r="Y1" s="12"/>
    </row>
    <row r="2" spans="1:25" ht="14.4" thickBot="1" x14ac:dyDescent="0.3">
      <c r="A2" s="1" t="s">
        <v>0</v>
      </c>
      <c r="B2" s="1" t="s">
        <v>1</v>
      </c>
      <c r="C2" s="1" t="s">
        <v>2</v>
      </c>
      <c r="D2" s="1">
        <v>1</v>
      </c>
      <c r="E2" s="1">
        <v>2</v>
      </c>
      <c r="F2" s="1">
        <v>3</v>
      </c>
      <c r="G2" s="1">
        <v>4</v>
      </c>
      <c r="H2" s="1">
        <v>5</v>
      </c>
      <c r="I2" s="1">
        <v>6</v>
      </c>
      <c r="J2" s="1">
        <v>7</v>
      </c>
      <c r="K2" s="1">
        <v>8</v>
      </c>
      <c r="M2" s="8" t="s">
        <v>22</v>
      </c>
      <c r="N2" s="8" t="s">
        <v>23</v>
      </c>
      <c r="O2" s="8" t="s">
        <v>22</v>
      </c>
      <c r="P2" s="8" t="s">
        <v>23</v>
      </c>
      <c r="R2" s="1" t="s">
        <v>37</v>
      </c>
      <c r="S2" s="1" t="s">
        <v>23</v>
      </c>
      <c r="T2" s="1" t="s">
        <v>37</v>
      </c>
      <c r="U2" s="1" t="s">
        <v>23</v>
      </c>
      <c r="W2" s="8" t="s">
        <v>37</v>
      </c>
      <c r="X2" s="8" t="s">
        <v>23</v>
      </c>
    </row>
    <row r="3" spans="1:25" ht="30.6" x14ac:dyDescent="0.25">
      <c r="A3" s="2" t="s">
        <v>3</v>
      </c>
      <c r="B3" s="2">
        <v>1</v>
      </c>
      <c r="C3" s="2">
        <v>1</v>
      </c>
      <c r="D3" s="2">
        <v>1</v>
      </c>
      <c r="E3" s="2">
        <v>1</v>
      </c>
      <c r="F3" s="2">
        <v>1</v>
      </c>
      <c r="G3" s="2">
        <v>1</v>
      </c>
      <c r="H3" s="2">
        <v>0</v>
      </c>
      <c r="I3" s="2">
        <v>0.44</v>
      </c>
      <c r="J3" s="2">
        <v>1</v>
      </c>
      <c r="K3" s="2">
        <v>0</v>
      </c>
      <c r="M3" s="6" t="s">
        <v>24</v>
      </c>
      <c r="N3" s="9" t="s">
        <v>25</v>
      </c>
      <c r="O3" s="6" t="s">
        <v>26</v>
      </c>
      <c r="P3" s="6">
        <v>0.55000000000000004</v>
      </c>
      <c r="R3" s="6" t="s">
        <v>38</v>
      </c>
      <c r="S3" s="6">
        <v>75</v>
      </c>
      <c r="T3" s="6" t="s">
        <v>39</v>
      </c>
      <c r="U3" s="9" t="s">
        <v>40</v>
      </c>
      <c r="W3" s="6" t="s">
        <v>70</v>
      </c>
      <c r="X3" s="6">
        <v>15.44</v>
      </c>
    </row>
    <row r="4" spans="1:25" ht="24" x14ac:dyDescent="0.25">
      <c r="A4" s="2" t="s">
        <v>4</v>
      </c>
      <c r="B4" s="2">
        <v>-50</v>
      </c>
      <c r="C4" s="2">
        <v>11</v>
      </c>
      <c r="D4" s="2">
        <v>-33</v>
      </c>
      <c r="E4" s="2">
        <v>117.8</v>
      </c>
      <c r="F4" s="2">
        <v>15</v>
      </c>
      <c r="G4" s="2">
        <v>72</v>
      </c>
      <c r="H4" s="2">
        <v>15</v>
      </c>
      <c r="I4" s="2">
        <v>-48.851999999999997</v>
      </c>
      <c r="J4" s="2">
        <v>-50</v>
      </c>
      <c r="K4" s="2">
        <v>-50</v>
      </c>
      <c r="M4" s="6" t="s">
        <v>27</v>
      </c>
      <c r="N4" s="6">
        <v>20550</v>
      </c>
      <c r="O4" s="6" t="s">
        <v>28</v>
      </c>
      <c r="P4" s="6">
        <v>0.74</v>
      </c>
      <c r="R4" s="6" t="s">
        <v>41</v>
      </c>
      <c r="S4" s="6">
        <v>90</v>
      </c>
      <c r="T4" s="6" t="s">
        <v>42</v>
      </c>
      <c r="U4" s="6">
        <v>2</v>
      </c>
      <c r="W4" s="6" t="s">
        <v>71</v>
      </c>
      <c r="X4" s="6">
        <v>8.5</v>
      </c>
    </row>
    <row r="5" spans="1:25" ht="19.8" customHeight="1" x14ac:dyDescent="0.25">
      <c r="A5" s="2" t="s">
        <v>5</v>
      </c>
      <c r="B5" s="2">
        <v>6.59</v>
      </c>
      <c r="C5" s="2">
        <v>6</v>
      </c>
      <c r="D5" s="2">
        <v>6</v>
      </c>
      <c r="E5" s="2">
        <v>31.76</v>
      </c>
      <c r="F5" s="2">
        <v>31.56</v>
      </c>
      <c r="G5" s="2">
        <v>57.46</v>
      </c>
      <c r="H5" s="2">
        <v>57.26</v>
      </c>
      <c r="I5" s="2">
        <v>7</v>
      </c>
      <c r="J5" s="2">
        <v>6.68</v>
      </c>
      <c r="K5" s="2">
        <v>6.68</v>
      </c>
      <c r="M5" s="6" t="s">
        <v>29</v>
      </c>
      <c r="N5" s="6">
        <v>0.2</v>
      </c>
      <c r="O5" s="6" t="s">
        <v>30</v>
      </c>
      <c r="P5" s="6">
        <v>-50</v>
      </c>
      <c r="R5" s="6" t="s">
        <v>43</v>
      </c>
      <c r="S5" s="6">
        <v>5</v>
      </c>
      <c r="T5" s="6" t="s">
        <v>44</v>
      </c>
      <c r="U5" s="6">
        <v>7</v>
      </c>
      <c r="W5" s="6" t="s">
        <v>72</v>
      </c>
      <c r="X5" s="6">
        <v>0.18</v>
      </c>
    </row>
    <row r="6" spans="1:25" ht="31.2" customHeight="1" thickBot="1" x14ac:dyDescent="0.3">
      <c r="A6" s="3" t="s">
        <v>6</v>
      </c>
      <c r="B6" s="3">
        <v>0.55000000000000004</v>
      </c>
      <c r="C6" s="3">
        <v>0.74</v>
      </c>
      <c r="D6" s="3">
        <v>2.58</v>
      </c>
      <c r="E6" s="3">
        <v>2.58</v>
      </c>
      <c r="F6" s="3">
        <v>2.58</v>
      </c>
      <c r="G6" s="3">
        <v>2.58</v>
      </c>
      <c r="H6" s="3">
        <v>2.58</v>
      </c>
      <c r="I6" s="3">
        <v>2.58</v>
      </c>
      <c r="J6" s="3">
        <v>1.29</v>
      </c>
      <c r="K6" s="3">
        <v>1.29</v>
      </c>
      <c r="M6" s="6" t="s">
        <v>31</v>
      </c>
      <c r="N6" s="6">
        <v>-50</v>
      </c>
      <c r="O6" s="6" t="s">
        <v>32</v>
      </c>
      <c r="P6" s="6">
        <v>7</v>
      </c>
      <c r="R6" s="6" t="s">
        <v>45</v>
      </c>
      <c r="S6" s="6">
        <v>10</v>
      </c>
      <c r="T6" s="6" t="s">
        <v>46</v>
      </c>
      <c r="U6" s="6">
        <v>1</v>
      </c>
      <c r="W6" s="6" t="s">
        <v>73</v>
      </c>
      <c r="X6" s="6">
        <v>2.6</v>
      </c>
    </row>
    <row r="7" spans="1:25" ht="42" x14ac:dyDescent="0.25">
      <c r="M7" s="6" t="s">
        <v>33</v>
      </c>
      <c r="N7" s="6">
        <v>339.7</v>
      </c>
      <c r="O7" s="6" t="s">
        <v>34</v>
      </c>
      <c r="P7" s="6">
        <v>10</v>
      </c>
      <c r="R7" s="6" t="s">
        <v>47</v>
      </c>
      <c r="S7" s="9" t="s">
        <v>48</v>
      </c>
      <c r="T7" s="6" t="s">
        <v>49</v>
      </c>
      <c r="U7" s="6">
        <v>1</v>
      </c>
      <c r="W7" s="6" t="s">
        <v>74</v>
      </c>
      <c r="X7" s="6">
        <v>77.02</v>
      </c>
    </row>
    <row r="8" spans="1:25" ht="34.799999999999997" customHeight="1" thickBot="1" x14ac:dyDescent="0.3">
      <c r="M8" s="7" t="s">
        <v>35</v>
      </c>
      <c r="N8" s="3">
        <v>1154.5999999999999</v>
      </c>
      <c r="O8" s="3"/>
      <c r="P8" s="3"/>
      <c r="R8" s="6" t="s">
        <v>50</v>
      </c>
      <c r="S8" s="6">
        <v>0.5</v>
      </c>
      <c r="T8" s="6" t="s">
        <v>51</v>
      </c>
      <c r="U8" s="6">
        <v>6</v>
      </c>
      <c r="W8" s="6" t="s">
        <v>75</v>
      </c>
      <c r="X8" s="6">
        <v>11.7</v>
      </c>
    </row>
    <row r="9" spans="1:25" ht="51.6" customHeight="1" thickBot="1" x14ac:dyDescent="0.3">
      <c r="A9" s="23" t="s">
        <v>21</v>
      </c>
      <c r="B9" s="23"/>
      <c r="C9" s="23"/>
      <c r="D9" s="23"/>
      <c r="R9" s="6" t="s">
        <v>52</v>
      </c>
      <c r="S9" s="6">
        <v>3</v>
      </c>
      <c r="T9" s="6" t="s">
        <v>53</v>
      </c>
      <c r="U9" s="6">
        <v>1</v>
      </c>
      <c r="W9" s="6" t="s">
        <v>76</v>
      </c>
      <c r="X9" s="6">
        <v>0.98</v>
      </c>
    </row>
    <row r="10" spans="1:25" ht="31.2" thickBot="1" x14ac:dyDescent="0.3">
      <c r="A10" s="4" t="s">
        <v>0</v>
      </c>
      <c r="B10" s="5" t="s">
        <v>8</v>
      </c>
      <c r="C10" s="5" t="s">
        <v>9</v>
      </c>
      <c r="D10" s="5" t="s">
        <v>10</v>
      </c>
      <c r="E10" s="5" t="s">
        <v>11</v>
      </c>
      <c r="F10" s="5" t="s">
        <v>12</v>
      </c>
      <c r="G10" s="5" t="s">
        <v>13</v>
      </c>
      <c r="H10" s="5" t="s">
        <v>14</v>
      </c>
      <c r="I10" s="5" t="s">
        <v>15</v>
      </c>
      <c r="J10" s="5" t="s">
        <v>16</v>
      </c>
      <c r="K10" s="5" t="s">
        <v>2</v>
      </c>
      <c r="L10" s="5" t="s">
        <v>17</v>
      </c>
      <c r="R10" s="6" t="s">
        <v>54</v>
      </c>
      <c r="S10" s="9" t="s">
        <v>48</v>
      </c>
      <c r="T10" s="6" t="s">
        <v>55</v>
      </c>
      <c r="U10" s="6">
        <v>25</v>
      </c>
      <c r="W10" s="6" t="s">
        <v>77</v>
      </c>
      <c r="X10" s="6">
        <v>4.0999999999999996</v>
      </c>
    </row>
    <row r="11" spans="1:25" ht="31.2" thickBot="1" x14ac:dyDescent="0.3">
      <c r="A11" s="6" t="s">
        <v>4</v>
      </c>
      <c r="B11" s="6">
        <v>70</v>
      </c>
      <c r="C11" s="6">
        <v>26</v>
      </c>
      <c r="D11" s="6">
        <v>10</v>
      </c>
      <c r="E11" s="6">
        <v>26</v>
      </c>
      <c r="F11" s="6">
        <v>32</v>
      </c>
      <c r="G11" s="6">
        <v>30</v>
      </c>
      <c r="H11" s="6">
        <v>35</v>
      </c>
      <c r="I11" s="6">
        <v>35</v>
      </c>
      <c r="J11" s="6">
        <v>10</v>
      </c>
      <c r="K11" s="6">
        <v>11</v>
      </c>
      <c r="L11" s="6">
        <v>132</v>
      </c>
      <c r="R11" s="6" t="s">
        <v>56</v>
      </c>
      <c r="S11" s="6">
        <v>2</v>
      </c>
      <c r="T11" s="6" t="s">
        <v>57</v>
      </c>
      <c r="U11" s="6">
        <v>132</v>
      </c>
      <c r="W11" s="7" t="s">
        <v>78</v>
      </c>
      <c r="X11" s="7">
        <v>140</v>
      </c>
    </row>
    <row r="12" spans="1:25" ht="31.8" x14ac:dyDescent="0.25">
      <c r="A12" s="6" t="s">
        <v>5</v>
      </c>
      <c r="B12" s="6">
        <v>1.0129999999999999</v>
      </c>
      <c r="C12" s="6">
        <v>6</v>
      </c>
      <c r="D12" s="6">
        <v>1.03</v>
      </c>
      <c r="E12" s="6">
        <v>1.03</v>
      </c>
      <c r="F12" s="6">
        <v>1.0129999999999999</v>
      </c>
      <c r="G12" s="6">
        <v>1.0129999999999999</v>
      </c>
      <c r="H12" s="6">
        <v>2</v>
      </c>
      <c r="I12" s="6">
        <v>1</v>
      </c>
      <c r="J12" s="6">
        <v>1.0129999999999999</v>
      </c>
      <c r="K12" s="6">
        <v>5.95</v>
      </c>
      <c r="L12" s="6">
        <v>6</v>
      </c>
      <c r="R12" s="6" t="s">
        <v>58</v>
      </c>
      <c r="S12" s="6">
        <v>6</v>
      </c>
      <c r="T12" s="6" t="s">
        <v>59</v>
      </c>
      <c r="U12" s="6">
        <v>4.5</v>
      </c>
    </row>
    <row r="13" spans="1:25" ht="20.399999999999999" x14ac:dyDescent="0.25">
      <c r="A13" s="6" t="s">
        <v>6</v>
      </c>
      <c r="B13" s="6">
        <v>15.44</v>
      </c>
      <c r="C13" s="6">
        <v>140</v>
      </c>
      <c r="D13" s="6">
        <v>200</v>
      </c>
      <c r="E13" s="6">
        <v>13.2</v>
      </c>
      <c r="F13" s="6">
        <v>13.08</v>
      </c>
      <c r="G13" s="6">
        <v>1512.47</v>
      </c>
      <c r="H13" s="6">
        <v>0.12</v>
      </c>
      <c r="I13" s="6">
        <v>1512.35</v>
      </c>
      <c r="J13" s="6">
        <v>15</v>
      </c>
      <c r="K13" s="6">
        <v>0.74</v>
      </c>
      <c r="L13" s="6">
        <v>140</v>
      </c>
      <c r="R13" s="6" t="s">
        <v>60</v>
      </c>
      <c r="S13" s="9" t="s">
        <v>48</v>
      </c>
      <c r="T13" s="6" t="s">
        <v>61</v>
      </c>
      <c r="U13" s="6">
        <v>90</v>
      </c>
    </row>
    <row r="14" spans="1:25" ht="22.2" thickBot="1" x14ac:dyDescent="0.3">
      <c r="A14" s="7" t="s">
        <v>18</v>
      </c>
      <c r="B14" s="7" t="s">
        <v>19</v>
      </c>
      <c r="C14" s="7" t="s">
        <v>19</v>
      </c>
      <c r="D14" s="7" t="s">
        <v>19</v>
      </c>
      <c r="E14" s="7">
        <v>21970</v>
      </c>
      <c r="F14" s="7">
        <v>40</v>
      </c>
      <c r="G14" s="7" t="s">
        <v>19</v>
      </c>
      <c r="H14" s="7" t="s">
        <v>19</v>
      </c>
      <c r="I14" s="7" t="s">
        <v>19</v>
      </c>
      <c r="J14" s="7" t="s">
        <v>19</v>
      </c>
      <c r="K14" s="7" t="s">
        <v>20</v>
      </c>
      <c r="L14" s="7" t="s">
        <v>19</v>
      </c>
      <c r="R14" s="6" t="s">
        <v>62</v>
      </c>
      <c r="S14" s="6">
        <v>2</v>
      </c>
      <c r="T14" s="6" t="s">
        <v>63</v>
      </c>
      <c r="U14" s="6">
        <v>4.0999999999999996</v>
      </c>
    </row>
    <row r="15" spans="1:25" ht="30.6" x14ac:dyDescent="0.25">
      <c r="R15" s="6" t="s">
        <v>64</v>
      </c>
      <c r="S15" s="9" t="s">
        <v>65</v>
      </c>
      <c r="T15" s="6" t="s">
        <v>66</v>
      </c>
      <c r="U15" s="6">
        <v>26</v>
      </c>
    </row>
    <row r="16" spans="1:25" ht="20.399999999999999" x14ac:dyDescent="0.25">
      <c r="R16" s="6" t="s">
        <v>67</v>
      </c>
      <c r="S16" s="6">
        <v>0.5</v>
      </c>
      <c r="T16" s="10"/>
      <c r="U16" s="10"/>
    </row>
    <row r="17" spans="1:21" ht="31.2" customHeight="1" thickBot="1" x14ac:dyDescent="0.3">
      <c r="A17" s="33" t="s">
        <v>100</v>
      </c>
      <c r="B17" s="33"/>
      <c r="C17" s="33"/>
      <c r="D17" s="33"/>
      <c r="E17" s="33"/>
      <c r="F17" s="33"/>
      <c r="R17" s="7" t="s">
        <v>68</v>
      </c>
      <c r="S17" s="7">
        <v>3</v>
      </c>
      <c r="T17" s="11"/>
      <c r="U17" s="11"/>
    </row>
    <row r="18" spans="1:21" x14ac:dyDescent="0.25">
      <c r="A18" s="22" t="s">
        <v>0</v>
      </c>
      <c r="B18" s="20" t="s">
        <v>88</v>
      </c>
      <c r="C18" s="20" t="s">
        <v>89</v>
      </c>
      <c r="D18" s="20" t="s">
        <v>90</v>
      </c>
      <c r="E18" s="21" t="s">
        <v>91</v>
      </c>
      <c r="F18" s="21" t="s">
        <v>92</v>
      </c>
      <c r="G18" s="21" t="s">
        <v>93</v>
      </c>
      <c r="H18" s="21" t="s">
        <v>94</v>
      </c>
      <c r="I18" s="21" t="s">
        <v>95</v>
      </c>
      <c r="J18" s="21" t="s">
        <v>96</v>
      </c>
      <c r="K18" s="21" t="s">
        <v>97</v>
      </c>
      <c r="L18" s="21" t="s">
        <v>98</v>
      </c>
      <c r="M18" s="21" t="s">
        <v>99</v>
      </c>
    </row>
    <row r="19" spans="1:21" x14ac:dyDescent="0.25">
      <c r="A19" s="6" t="s">
        <v>4</v>
      </c>
      <c r="B19" s="6">
        <v>40</v>
      </c>
      <c r="C19" s="6">
        <v>25</v>
      </c>
      <c r="D19" s="6">
        <v>150</v>
      </c>
      <c r="E19" s="6">
        <v>148</v>
      </c>
      <c r="F19" s="6">
        <v>40</v>
      </c>
      <c r="G19" s="6">
        <v>529.69799999999998</v>
      </c>
      <c r="H19" s="6">
        <v>500</v>
      </c>
      <c r="I19" s="6">
        <v>450</v>
      </c>
      <c r="J19" s="6">
        <v>450</v>
      </c>
      <c r="K19" s="6">
        <v>450</v>
      </c>
      <c r="L19" s="6">
        <v>271.267</v>
      </c>
      <c r="M19" s="6">
        <v>361.62619400504298</v>
      </c>
    </row>
    <row r="20" spans="1:21" x14ac:dyDescent="0.25">
      <c r="A20" s="6" t="s">
        <v>5</v>
      </c>
      <c r="B20" s="6">
        <v>1</v>
      </c>
      <c r="C20" s="6">
        <v>1</v>
      </c>
      <c r="D20" s="6">
        <v>2.5</v>
      </c>
      <c r="E20" s="6">
        <v>2.5</v>
      </c>
      <c r="F20" s="6">
        <v>2.5</v>
      </c>
      <c r="G20" s="6">
        <v>10.7</v>
      </c>
      <c r="H20" s="6">
        <v>8</v>
      </c>
      <c r="I20" s="6">
        <v>5</v>
      </c>
      <c r="J20" s="6">
        <v>5</v>
      </c>
      <c r="K20" s="6">
        <v>5</v>
      </c>
      <c r="L20" s="6">
        <v>1</v>
      </c>
      <c r="M20" s="6">
        <v>1</v>
      </c>
    </row>
    <row r="21" spans="1:21" x14ac:dyDescent="0.25">
      <c r="A21" s="6" t="s">
        <v>6</v>
      </c>
      <c r="B21" s="6">
        <v>0.45</v>
      </c>
      <c r="C21" s="6">
        <v>15.9</v>
      </c>
      <c r="D21" s="6">
        <v>0.45</v>
      </c>
      <c r="E21" s="6">
        <v>15.9</v>
      </c>
      <c r="F21" s="6">
        <v>15.9</v>
      </c>
      <c r="G21" s="6">
        <v>16.350000000000001</v>
      </c>
      <c r="H21" s="6">
        <v>16.350000000000001</v>
      </c>
      <c r="I21" s="6">
        <v>16.350000000000001</v>
      </c>
      <c r="J21" s="6">
        <v>8.1750000000000007</v>
      </c>
      <c r="K21" s="6">
        <v>8.1750000000000007</v>
      </c>
      <c r="L21" s="6">
        <v>8.1750000000000007</v>
      </c>
      <c r="M21" s="6">
        <v>16.350000000000001</v>
      </c>
    </row>
    <row r="24" spans="1:21" ht="14.4" thickBot="1" x14ac:dyDescent="0.3">
      <c r="A24" s="18" t="s">
        <v>87</v>
      </c>
      <c r="B24" s="19"/>
      <c r="C24" s="19"/>
      <c r="D24" s="19"/>
    </row>
    <row r="25" spans="1:21" ht="20.399999999999999" x14ac:dyDescent="0.25">
      <c r="A25" s="24" t="s">
        <v>80</v>
      </c>
      <c r="B25" s="29" t="s">
        <v>81</v>
      </c>
      <c r="C25" s="29" t="s">
        <v>82</v>
      </c>
      <c r="D25" s="29"/>
      <c r="E25" s="24" t="s">
        <v>84</v>
      </c>
      <c r="F25" s="14" t="s">
        <v>85</v>
      </c>
    </row>
    <row r="26" spans="1:21" x14ac:dyDescent="0.25">
      <c r="A26" s="25"/>
      <c r="B26" s="30"/>
      <c r="C26" s="34" t="s">
        <v>83</v>
      </c>
      <c r="D26" s="34"/>
      <c r="E26" s="25"/>
      <c r="F26" s="13" t="s">
        <v>86</v>
      </c>
    </row>
    <row r="27" spans="1:21" ht="14.4" thickBot="1" x14ac:dyDescent="0.3">
      <c r="A27" s="26"/>
      <c r="B27" s="31"/>
      <c r="C27" s="35"/>
      <c r="D27" s="35"/>
      <c r="E27" s="26"/>
      <c r="F27" s="15"/>
    </row>
    <row r="28" spans="1:21" x14ac:dyDescent="0.25">
      <c r="A28" s="16">
        <v>100</v>
      </c>
      <c r="B28" s="27">
        <v>0.5</v>
      </c>
      <c r="C28" s="27"/>
      <c r="D28" s="16">
        <v>17.7</v>
      </c>
      <c r="E28" s="16">
        <v>10200</v>
      </c>
      <c r="F28" s="16">
        <v>18.2</v>
      </c>
    </row>
    <row r="29" spans="1:21" x14ac:dyDescent="0.25">
      <c r="A29" s="16">
        <v>85</v>
      </c>
      <c r="B29" s="28">
        <v>0.42</v>
      </c>
      <c r="C29" s="28"/>
      <c r="D29" s="16">
        <v>15.02</v>
      </c>
      <c r="E29" s="16">
        <v>8670</v>
      </c>
      <c r="F29" s="16">
        <v>15.44</v>
      </c>
    </row>
    <row r="30" spans="1:21" x14ac:dyDescent="0.25">
      <c r="A30" s="16">
        <v>75</v>
      </c>
      <c r="B30" s="28">
        <v>0.35</v>
      </c>
      <c r="C30" s="28"/>
      <c r="D30" s="16">
        <v>13.3</v>
      </c>
      <c r="E30" s="16">
        <v>7650</v>
      </c>
      <c r="F30" s="16">
        <v>13.65</v>
      </c>
    </row>
    <row r="31" spans="1:21" ht="14.4" thickBot="1" x14ac:dyDescent="0.3">
      <c r="A31" s="17">
        <v>50</v>
      </c>
      <c r="B31" s="32">
        <v>0.27</v>
      </c>
      <c r="C31" s="32"/>
      <c r="D31" s="17">
        <v>8.9</v>
      </c>
      <c r="E31" s="17">
        <v>5100</v>
      </c>
      <c r="F31" s="17">
        <v>9.17</v>
      </c>
    </row>
  </sheetData>
  <mergeCells count="16">
    <mergeCell ref="B30:C30"/>
    <mergeCell ref="B31:C31"/>
    <mergeCell ref="A17:F17"/>
    <mergeCell ref="C25:D25"/>
    <mergeCell ref="C26:D26"/>
    <mergeCell ref="C27:D27"/>
    <mergeCell ref="E25:E27"/>
    <mergeCell ref="B28:C28"/>
    <mergeCell ref="B29:C29"/>
    <mergeCell ref="A25:A27"/>
    <mergeCell ref="B25:B27"/>
    <mergeCell ref="R1:U1"/>
    <mergeCell ref="W1:X1"/>
    <mergeCell ref="A9:D9"/>
    <mergeCell ref="A1:D1"/>
    <mergeCell ref="M1:P1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woyomi, Adeola [SWEE]</dc:creator>
  <cp:lastModifiedBy>Awoyomi, Adeola [SWEE]</cp:lastModifiedBy>
  <dcterms:created xsi:type="dcterms:W3CDTF">2019-05-30T06:19:58Z</dcterms:created>
  <dcterms:modified xsi:type="dcterms:W3CDTF">2019-05-30T09:20:43Z</dcterms:modified>
</cp:coreProperties>
</file>